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1.xml" ContentType="application/vnd.openxmlformats-officedocument.presentationml.tags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tags/tag2.xml" ContentType="application/vnd.openxmlformats-officedocument.presentationml.tags+xml"/>
  <Override PartName="/ppt/notesSlides/notesSlide2.xml" ContentType="application/vnd.openxmlformats-officedocument.presentationml.notesSlide+xml"/>
  <Override PartName="/ppt/tags/tag3.xml" ContentType="application/vnd.openxmlformats-officedocument.presentationml.tags+xml"/>
  <Override PartName="/ppt/notesSlides/notesSlide3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notesSlides/notesSlide1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7"/>
  </p:notesMasterIdLst>
  <p:sldIdLst>
    <p:sldId id="256" r:id="rId2"/>
    <p:sldId id="258" r:id="rId3"/>
    <p:sldId id="259" r:id="rId4"/>
    <p:sldId id="260" r:id="rId5"/>
    <p:sldId id="261" r:id="rId6"/>
    <p:sldId id="262" r:id="rId7"/>
    <p:sldId id="263" r:id="rId8"/>
    <p:sldId id="264" r:id="rId9"/>
    <p:sldId id="265" r:id="rId10"/>
    <p:sldId id="266" r:id="rId11"/>
    <p:sldId id="268" r:id="rId12"/>
    <p:sldId id="267" r:id="rId13"/>
    <p:sldId id="269" r:id="rId14"/>
    <p:sldId id="270" r:id="rId15"/>
    <p:sldId id="271" r:id="rId16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 xmlns="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4DA9C"/>
    <a:srgbClr val="D3C35D"/>
    <a:srgbClr val="FCBB04"/>
    <a:srgbClr val="2D1C30"/>
    <a:srgbClr val="3B253F"/>
    <a:srgbClr val="4A1B1A"/>
    <a:srgbClr val="13343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xmlns="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>
        <p:scale>
          <a:sx n="79" d="100"/>
          <a:sy n="79" d="100"/>
        </p:scale>
        <p:origin x="-366" y="24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B34FBAB4-78B2-4139-960C-9F89FF0BCB52}" type="doc">
      <dgm:prSet loTypeId="urn:microsoft.com/office/officeart/2005/8/layout/hierarchy3" loCatId="hierarchy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15502F67-8599-4F1C-B355-28BC4B06F3BB}">
      <dgm:prSet phldrT="[Текст]" custT="1"/>
      <dgm:spPr/>
      <dgm:t>
        <a:bodyPr/>
        <a:lstStyle/>
        <a:p>
          <a:r>
            <a:rPr lang="ru-RU" sz="7200" b="1" dirty="0" smtClean="0">
              <a:latin typeface="Georgia" panose="02040502050405020303" pitchFamily="18" charset="0"/>
            </a:rPr>
            <a:t>ЧЭШ</a:t>
          </a:r>
          <a:endParaRPr lang="ru-RU" sz="7200" b="1" dirty="0">
            <a:latin typeface="Georgia" panose="02040502050405020303" pitchFamily="18" charset="0"/>
          </a:endParaRPr>
        </a:p>
      </dgm:t>
    </dgm:pt>
    <dgm:pt modelId="{4D9EDE50-0120-4281-99C6-D8C3717063ED}" type="parTrans" cxnId="{9D2C7F87-8F7C-46D3-AAE5-6088F46CFADD}">
      <dgm:prSet/>
      <dgm:spPr/>
      <dgm:t>
        <a:bodyPr/>
        <a:lstStyle/>
        <a:p>
          <a:endParaRPr lang="ru-RU"/>
        </a:p>
      </dgm:t>
    </dgm:pt>
    <dgm:pt modelId="{CD9041CE-8E39-468D-BD38-04B1B28D42D7}" type="sibTrans" cxnId="{9D2C7F87-8F7C-46D3-AAE5-6088F46CFADD}">
      <dgm:prSet/>
      <dgm:spPr/>
      <dgm:t>
        <a:bodyPr/>
        <a:lstStyle/>
        <a:p>
          <a:endParaRPr lang="ru-RU"/>
        </a:p>
      </dgm:t>
    </dgm:pt>
    <dgm:pt modelId="{854267F4-30A6-49EF-92C7-B3C3B43151C8}">
      <dgm:prSet phldrT="[Текст]" custT="1"/>
      <dgm:spPr/>
      <dgm:t>
        <a:bodyPr/>
        <a:lstStyle/>
        <a:p>
          <a:r>
            <a:rPr lang="ru-RU" sz="2400" dirty="0" smtClean="0">
              <a:latin typeface="Georgia" panose="02040502050405020303" pitchFamily="18" charset="0"/>
            </a:rPr>
            <a:t>Разработка двух курсов (Литература 10 и 11 класс, базовое изучение) для Челябинской электронной школы</a:t>
          </a:r>
        </a:p>
      </dgm:t>
    </dgm:pt>
    <dgm:pt modelId="{32769A40-A4CE-4754-BD61-58AD60E6FAC9}" type="parTrans" cxnId="{938A23E2-935A-41F5-802D-801015ED4318}">
      <dgm:prSet/>
      <dgm:spPr>
        <a:ln w="76200">
          <a:solidFill>
            <a:srgbClr val="7030A0"/>
          </a:solidFill>
        </a:ln>
      </dgm:spPr>
      <dgm:t>
        <a:bodyPr/>
        <a:lstStyle/>
        <a:p>
          <a:endParaRPr lang="ru-RU"/>
        </a:p>
      </dgm:t>
    </dgm:pt>
    <dgm:pt modelId="{50962F5A-BC23-47E6-AA5F-13EB73BF780F}" type="sibTrans" cxnId="{938A23E2-935A-41F5-802D-801015ED4318}">
      <dgm:prSet/>
      <dgm:spPr/>
      <dgm:t>
        <a:bodyPr/>
        <a:lstStyle/>
        <a:p>
          <a:endParaRPr lang="ru-RU"/>
        </a:p>
      </dgm:t>
    </dgm:pt>
    <dgm:pt modelId="{A20EEAA3-1C90-438F-A647-34B10884FA2A}">
      <dgm:prSet phldrT="[Текст]" custT="1"/>
      <dgm:spPr/>
      <dgm:t>
        <a:bodyPr/>
        <a:lstStyle/>
        <a:p>
          <a:r>
            <a:rPr lang="ru-RU" sz="2400" dirty="0" smtClean="0">
              <a:latin typeface="Georgia" panose="02040502050405020303" pitchFamily="18" charset="0"/>
            </a:rPr>
            <a:t>Продолжение работы, курс литературы в 9 классе</a:t>
          </a:r>
          <a:endParaRPr lang="ru-RU" sz="2400" dirty="0">
            <a:latin typeface="Georgia" panose="02040502050405020303" pitchFamily="18" charset="0"/>
          </a:endParaRPr>
        </a:p>
      </dgm:t>
    </dgm:pt>
    <dgm:pt modelId="{FF3C1AE5-FB2F-4A5E-A586-826973B3FCEA}" type="parTrans" cxnId="{62659767-19C6-4494-8E01-6F705F1E11C4}">
      <dgm:prSet/>
      <dgm:spPr>
        <a:ln w="57150">
          <a:solidFill>
            <a:srgbClr val="7030A0"/>
          </a:solidFill>
        </a:ln>
      </dgm:spPr>
      <dgm:t>
        <a:bodyPr/>
        <a:lstStyle/>
        <a:p>
          <a:endParaRPr lang="ru-RU"/>
        </a:p>
      </dgm:t>
    </dgm:pt>
    <dgm:pt modelId="{F7CBBB23-5BDF-48B3-9F40-5B8785C46C36}" type="sibTrans" cxnId="{62659767-19C6-4494-8E01-6F705F1E11C4}">
      <dgm:prSet/>
      <dgm:spPr/>
      <dgm:t>
        <a:bodyPr/>
        <a:lstStyle/>
        <a:p>
          <a:endParaRPr lang="ru-RU"/>
        </a:p>
      </dgm:t>
    </dgm:pt>
    <dgm:pt modelId="{DE7D6E39-66CD-483A-92D3-1995F6F15B5C}">
      <dgm:prSet phldrT="[Текст]" custT="1"/>
      <dgm:spPr/>
      <dgm:t>
        <a:bodyPr/>
        <a:lstStyle/>
        <a:p>
          <a:r>
            <a:rPr lang="ru-RU" sz="7200" b="1" dirty="0" smtClean="0">
              <a:latin typeface="Georgia" panose="02040502050405020303" pitchFamily="18" charset="0"/>
            </a:rPr>
            <a:t>Сферум </a:t>
          </a:r>
          <a:endParaRPr lang="ru-RU" sz="7200" b="1" dirty="0">
            <a:latin typeface="Georgia" panose="02040502050405020303" pitchFamily="18" charset="0"/>
          </a:endParaRPr>
        </a:p>
      </dgm:t>
    </dgm:pt>
    <dgm:pt modelId="{D9CDC970-BD8C-4256-87C1-615EC87477F3}" type="parTrans" cxnId="{7BADC2B6-A514-4284-84AC-6FE37A593009}">
      <dgm:prSet/>
      <dgm:spPr/>
      <dgm:t>
        <a:bodyPr/>
        <a:lstStyle/>
        <a:p>
          <a:endParaRPr lang="ru-RU"/>
        </a:p>
      </dgm:t>
    </dgm:pt>
    <dgm:pt modelId="{0DC6EF50-B444-4FB5-969D-250692D4E8AE}" type="sibTrans" cxnId="{7BADC2B6-A514-4284-84AC-6FE37A593009}">
      <dgm:prSet/>
      <dgm:spPr/>
      <dgm:t>
        <a:bodyPr/>
        <a:lstStyle/>
        <a:p>
          <a:endParaRPr lang="ru-RU"/>
        </a:p>
      </dgm:t>
    </dgm:pt>
    <dgm:pt modelId="{E07A288D-A74E-4570-9C06-2FDB8355DD68}">
      <dgm:prSet phldrT="[Текст]" custT="1"/>
      <dgm:spPr/>
      <dgm:t>
        <a:bodyPr/>
        <a:lstStyle/>
        <a:p>
          <a:pPr algn="ctr"/>
          <a:r>
            <a:rPr lang="ru-RU" sz="2800" i="0" dirty="0" smtClean="0">
              <a:latin typeface="Georgia" panose="02040502050405020303" pitchFamily="18" charset="0"/>
            </a:rPr>
            <a:t>Переход на единый мессенджер при очно/заочной форме обучения</a:t>
          </a:r>
          <a:r>
            <a:rPr lang="ru-RU" sz="2000" i="0" dirty="0" smtClean="0">
              <a:latin typeface="Georgia" panose="02040502050405020303" pitchFamily="18" charset="0"/>
            </a:rPr>
            <a:t> </a:t>
          </a:r>
          <a:endParaRPr lang="ru-RU" sz="1800" i="0" dirty="0" smtClean="0">
            <a:latin typeface="Georgia" panose="02040502050405020303" pitchFamily="18" charset="0"/>
          </a:endParaRPr>
        </a:p>
      </dgm:t>
    </dgm:pt>
    <dgm:pt modelId="{955AAC69-6F9B-45AD-9765-9D9FB9CA4B53}" type="parTrans" cxnId="{3E622FA1-2E31-49CB-8F9B-90FED2C1473B}">
      <dgm:prSet/>
      <dgm:spPr>
        <a:ln w="76200">
          <a:solidFill>
            <a:srgbClr val="7030A0"/>
          </a:solidFill>
        </a:ln>
      </dgm:spPr>
      <dgm:t>
        <a:bodyPr/>
        <a:lstStyle/>
        <a:p>
          <a:endParaRPr lang="ru-RU"/>
        </a:p>
      </dgm:t>
    </dgm:pt>
    <dgm:pt modelId="{A64E1B18-157C-4837-8620-8ACF696206C1}" type="sibTrans" cxnId="{3E622FA1-2E31-49CB-8F9B-90FED2C1473B}">
      <dgm:prSet/>
      <dgm:spPr/>
      <dgm:t>
        <a:bodyPr/>
        <a:lstStyle/>
        <a:p>
          <a:endParaRPr lang="ru-RU"/>
        </a:p>
      </dgm:t>
    </dgm:pt>
    <dgm:pt modelId="{09831091-821A-46BD-BBB9-585369694613}">
      <dgm:prSet phldrT="[Текст]" custT="1"/>
      <dgm:spPr/>
      <dgm:t>
        <a:bodyPr/>
        <a:lstStyle/>
        <a:p>
          <a:r>
            <a:rPr lang="ru-RU" sz="2400" dirty="0" smtClean="0">
              <a:latin typeface="Georgia" panose="02040502050405020303" pitchFamily="18" charset="0"/>
            </a:rPr>
            <a:t>Ежедневная работа в Сферуме с обучением единым требованиям</a:t>
          </a:r>
        </a:p>
      </dgm:t>
    </dgm:pt>
    <dgm:pt modelId="{05D13AB6-8469-4CF3-8203-3A77683DBD49}" type="parTrans" cxnId="{98742E6A-64C6-4FD2-B62D-99240C3EA105}">
      <dgm:prSet/>
      <dgm:spPr>
        <a:ln w="57150">
          <a:solidFill>
            <a:srgbClr val="7030A0"/>
          </a:solidFill>
        </a:ln>
      </dgm:spPr>
      <dgm:t>
        <a:bodyPr/>
        <a:lstStyle/>
        <a:p>
          <a:endParaRPr lang="ru-RU"/>
        </a:p>
      </dgm:t>
    </dgm:pt>
    <dgm:pt modelId="{7F589E3A-34B2-4386-AC95-5C59858CF564}" type="sibTrans" cxnId="{98742E6A-64C6-4FD2-B62D-99240C3EA105}">
      <dgm:prSet/>
      <dgm:spPr/>
      <dgm:t>
        <a:bodyPr/>
        <a:lstStyle/>
        <a:p>
          <a:endParaRPr lang="ru-RU"/>
        </a:p>
      </dgm:t>
    </dgm:pt>
    <dgm:pt modelId="{1A243F43-A693-486C-82A2-3D95956C3DFF}" type="pres">
      <dgm:prSet presAssocID="{B34FBAB4-78B2-4139-960C-9F89FF0BCB52}" presName="diagram" presStyleCnt="0">
        <dgm:presLayoutVars>
          <dgm:chPref val="1"/>
          <dgm:dir/>
          <dgm:animOne val="branch"/>
          <dgm:animLvl val="lvl"/>
          <dgm:resizeHandles/>
        </dgm:presLayoutVars>
      </dgm:prSet>
      <dgm:spPr/>
      <dgm:t>
        <a:bodyPr/>
        <a:lstStyle/>
        <a:p>
          <a:endParaRPr lang="ru-RU"/>
        </a:p>
      </dgm:t>
    </dgm:pt>
    <dgm:pt modelId="{38273969-974D-456D-981E-8DB300BFED14}" type="pres">
      <dgm:prSet presAssocID="{15502F67-8599-4F1C-B355-28BC4B06F3BB}" presName="root" presStyleCnt="0"/>
      <dgm:spPr/>
    </dgm:pt>
    <dgm:pt modelId="{3D3BA6B0-1689-479F-878F-F4D69DE7FFD1}" type="pres">
      <dgm:prSet presAssocID="{15502F67-8599-4F1C-B355-28BC4B06F3BB}" presName="rootComposite" presStyleCnt="0"/>
      <dgm:spPr/>
    </dgm:pt>
    <dgm:pt modelId="{0B48BC39-214B-4848-BD2C-38FE9BA217EB}" type="pres">
      <dgm:prSet presAssocID="{15502F67-8599-4F1C-B355-28BC4B06F3BB}" presName="rootText" presStyleLbl="node1" presStyleIdx="0" presStyleCnt="2" custScaleX="155078" custLinFactNeighborX="6703" custLinFactNeighborY="-18"/>
      <dgm:spPr/>
      <dgm:t>
        <a:bodyPr/>
        <a:lstStyle/>
        <a:p>
          <a:endParaRPr lang="ru-RU"/>
        </a:p>
      </dgm:t>
    </dgm:pt>
    <dgm:pt modelId="{970645F2-D574-43FD-A9A7-F6E0DFAEA108}" type="pres">
      <dgm:prSet presAssocID="{15502F67-8599-4F1C-B355-28BC4B06F3BB}" presName="rootConnector" presStyleLbl="node1" presStyleIdx="0" presStyleCnt="2"/>
      <dgm:spPr/>
      <dgm:t>
        <a:bodyPr/>
        <a:lstStyle/>
        <a:p>
          <a:endParaRPr lang="ru-RU"/>
        </a:p>
      </dgm:t>
    </dgm:pt>
    <dgm:pt modelId="{FE9C711E-73EC-4699-89A4-32184EB27174}" type="pres">
      <dgm:prSet presAssocID="{15502F67-8599-4F1C-B355-28BC4B06F3BB}" presName="childShape" presStyleCnt="0"/>
      <dgm:spPr/>
    </dgm:pt>
    <dgm:pt modelId="{79807D4C-4CEF-4E03-AAF8-A7B9EFD0A3FE}" type="pres">
      <dgm:prSet presAssocID="{32769A40-A4CE-4754-BD61-58AD60E6FAC9}" presName="Name13" presStyleLbl="parChTrans1D2" presStyleIdx="0" presStyleCnt="4"/>
      <dgm:spPr/>
      <dgm:t>
        <a:bodyPr/>
        <a:lstStyle/>
        <a:p>
          <a:endParaRPr lang="ru-RU"/>
        </a:p>
      </dgm:t>
    </dgm:pt>
    <dgm:pt modelId="{FB01A80A-AB96-46B3-AA79-2A37A68CCC6B}" type="pres">
      <dgm:prSet presAssocID="{854267F4-30A6-49EF-92C7-B3C3B43151C8}" presName="childText" presStyleLbl="bgAcc1" presStyleIdx="0" presStyleCnt="4" custScaleX="147734" custScaleY="120514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A0DEE265-3335-4A18-A354-9BC01C37A427}" type="pres">
      <dgm:prSet presAssocID="{FF3C1AE5-FB2F-4A5E-A586-826973B3FCEA}" presName="Name13" presStyleLbl="parChTrans1D2" presStyleIdx="1" presStyleCnt="4"/>
      <dgm:spPr/>
      <dgm:t>
        <a:bodyPr/>
        <a:lstStyle/>
        <a:p>
          <a:endParaRPr lang="ru-RU"/>
        </a:p>
      </dgm:t>
    </dgm:pt>
    <dgm:pt modelId="{E9A618A4-5AB0-43D3-BFB1-6A552FA6716A}" type="pres">
      <dgm:prSet presAssocID="{A20EEAA3-1C90-438F-A647-34B10884FA2A}" presName="childText" presStyleLbl="bgAcc1" presStyleIdx="1" presStyleCnt="4" custScaleX="148329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3D77670E-E72F-4ECE-AC86-4CAC09FA4F5B}" type="pres">
      <dgm:prSet presAssocID="{DE7D6E39-66CD-483A-92D3-1995F6F15B5C}" presName="root" presStyleCnt="0"/>
      <dgm:spPr/>
    </dgm:pt>
    <dgm:pt modelId="{258F1993-799B-4E07-B9BC-A32B00F49050}" type="pres">
      <dgm:prSet presAssocID="{DE7D6E39-66CD-483A-92D3-1995F6F15B5C}" presName="rootComposite" presStyleCnt="0"/>
      <dgm:spPr/>
    </dgm:pt>
    <dgm:pt modelId="{D94C3119-709E-49FC-8CC5-DADA96898F8C}" type="pres">
      <dgm:prSet presAssocID="{DE7D6E39-66CD-483A-92D3-1995F6F15B5C}" presName="rootText" presStyleLbl="node1" presStyleIdx="1" presStyleCnt="2" custScaleX="159101"/>
      <dgm:spPr/>
      <dgm:t>
        <a:bodyPr/>
        <a:lstStyle/>
        <a:p>
          <a:endParaRPr lang="ru-RU"/>
        </a:p>
      </dgm:t>
    </dgm:pt>
    <dgm:pt modelId="{5C054B0D-2E15-4513-AE43-9D9DA697312A}" type="pres">
      <dgm:prSet presAssocID="{DE7D6E39-66CD-483A-92D3-1995F6F15B5C}" presName="rootConnector" presStyleLbl="node1" presStyleIdx="1" presStyleCnt="2"/>
      <dgm:spPr/>
      <dgm:t>
        <a:bodyPr/>
        <a:lstStyle/>
        <a:p>
          <a:endParaRPr lang="ru-RU"/>
        </a:p>
      </dgm:t>
    </dgm:pt>
    <dgm:pt modelId="{F4F3D2ED-0358-4DC6-86D4-5A0902160E1C}" type="pres">
      <dgm:prSet presAssocID="{DE7D6E39-66CD-483A-92D3-1995F6F15B5C}" presName="childShape" presStyleCnt="0"/>
      <dgm:spPr/>
    </dgm:pt>
    <dgm:pt modelId="{4C058568-EA95-4B62-AB6A-5908E20CABD6}" type="pres">
      <dgm:prSet presAssocID="{955AAC69-6F9B-45AD-9765-9D9FB9CA4B53}" presName="Name13" presStyleLbl="parChTrans1D2" presStyleIdx="2" presStyleCnt="4"/>
      <dgm:spPr/>
      <dgm:t>
        <a:bodyPr/>
        <a:lstStyle/>
        <a:p>
          <a:endParaRPr lang="ru-RU"/>
        </a:p>
      </dgm:t>
    </dgm:pt>
    <dgm:pt modelId="{33172B33-ED47-4EA0-927B-B029D297A3C3}" type="pres">
      <dgm:prSet presAssocID="{E07A288D-A74E-4570-9C06-2FDB8355DD68}" presName="childText" presStyleLbl="bgAcc1" presStyleIdx="2" presStyleCnt="4" custScaleX="152116" custScaleY="132290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C0005593-D518-457A-B74F-956E968A57DB}" type="pres">
      <dgm:prSet presAssocID="{05D13AB6-8469-4CF3-8203-3A77683DBD49}" presName="Name13" presStyleLbl="parChTrans1D2" presStyleIdx="3" presStyleCnt="4"/>
      <dgm:spPr/>
      <dgm:t>
        <a:bodyPr/>
        <a:lstStyle/>
        <a:p>
          <a:endParaRPr lang="ru-RU"/>
        </a:p>
      </dgm:t>
    </dgm:pt>
    <dgm:pt modelId="{BF7025BA-E6F5-48F6-AA3E-7E88D0655437}" type="pres">
      <dgm:prSet presAssocID="{09831091-821A-46BD-BBB9-585369694613}" presName="childText" presStyleLbl="bgAcc1" presStyleIdx="3" presStyleCnt="4" custScaleX="145044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EE6E2CDD-D081-42FE-9028-8C97CC0A829F}" type="presOf" srcId="{E07A288D-A74E-4570-9C06-2FDB8355DD68}" destId="{33172B33-ED47-4EA0-927B-B029D297A3C3}" srcOrd="0" destOrd="0" presId="urn:microsoft.com/office/officeart/2005/8/layout/hierarchy3"/>
    <dgm:cxn modelId="{FE427545-A376-45BB-8BF4-53B3B90A6C50}" type="presOf" srcId="{DE7D6E39-66CD-483A-92D3-1995F6F15B5C}" destId="{5C054B0D-2E15-4513-AE43-9D9DA697312A}" srcOrd="1" destOrd="0" presId="urn:microsoft.com/office/officeart/2005/8/layout/hierarchy3"/>
    <dgm:cxn modelId="{938A23E2-935A-41F5-802D-801015ED4318}" srcId="{15502F67-8599-4F1C-B355-28BC4B06F3BB}" destId="{854267F4-30A6-49EF-92C7-B3C3B43151C8}" srcOrd="0" destOrd="0" parTransId="{32769A40-A4CE-4754-BD61-58AD60E6FAC9}" sibTransId="{50962F5A-BC23-47E6-AA5F-13EB73BF780F}"/>
    <dgm:cxn modelId="{9D2C7F87-8F7C-46D3-AAE5-6088F46CFADD}" srcId="{B34FBAB4-78B2-4139-960C-9F89FF0BCB52}" destId="{15502F67-8599-4F1C-B355-28BC4B06F3BB}" srcOrd="0" destOrd="0" parTransId="{4D9EDE50-0120-4281-99C6-D8C3717063ED}" sibTransId="{CD9041CE-8E39-468D-BD38-04B1B28D42D7}"/>
    <dgm:cxn modelId="{EB28C96A-E336-4836-AAD8-431F39487F11}" type="presOf" srcId="{A20EEAA3-1C90-438F-A647-34B10884FA2A}" destId="{E9A618A4-5AB0-43D3-BFB1-6A552FA6716A}" srcOrd="0" destOrd="0" presId="urn:microsoft.com/office/officeart/2005/8/layout/hierarchy3"/>
    <dgm:cxn modelId="{3E622FA1-2E31-49CB-8F9B-90FED2C1473B}" srcId="{DE7D6E39-66CD-483A-92D3-1995F6F15B5C}" destId="{E07A288D-A74E-4570-9C06-2FDB8355DD68}" srcOrd="0" destOrd="0" parTransId="{955AAC69-6F9B-45AD-9765-9D9FB9CA4B53}" sibTransId="{A64E1B18-157C-4837-8620-8ACF696206C1}"/>
    <dgm:cxn modelId="{6A5A8EB3-574F-45BF-8195-D5CA67EA67E1}" type="presOf" srcId="{B34FBAB4-78B2-4139-960C-9F89FF0BCB52}" destId="{1A243F43-A693-486C-82A2-3D95956C3DFF}" srcOrd="0" destOrd="0" presId="urn:microsoft.com/office/officeart/2005/8/layout/hierarchy3"/>
    <dgm:cxn modelId="{B961EBF3-8F48-463B-A4FC-5BBF7BE67659}" type="presOf" srcId="{DE7D6E39-66CD-483A-92D3-1995F6F15B5C}" destId="{D94C3119-709E-49FC-8CC5-DADA96898F8C}" srcOrd="0" destOrd="0" presId="urn:microsoft.com/office/officeart/2005/8/layout/hierarchy3"/>
    <dgm:cxn modelId="{AA5882D1-B47C-4BBC-BE88-2404CBB0EF11}" type="presOf" srcId="{32769A40-A4CE-4754-BD61-58AD60E6FAC9}" destId="{79807D4C-4CEF-4E03-AAF8-A7B9EFD0A3FE}" srcOrd="0" destOrd="0" presId="urn:microsoft.com/office/officeart/2005/8/layout/hierarchy3"/>
    <dgm:cxn modelId="{7BADC2B6-A514-4284-84AC-6FE37A593009}" srcId="{B34FBAB4-78B2-4139-960C-9F89FF0BCB52}" destId="{DE7D6E39-66CD-483A-92D3-1995F6F15B5C}" srcOrd="1" destOrd="0" parTransId="{D9CDC970-BD8C-4256-87C1-615EC87477F3}" sibTransId="{0DC6EF50-B444-4FB5-969D-250692D4E8AE}"/>
    <dgm:cxn modelId="{45D11CB4-3B49-4E74-B484-87EFAB256742}" type="presOf" srcId="{955AAC69-6F9B-45AD-9765-9D9FB9CA4B53}" destId="{4C058568-EA95-4B62-AB6A-5908E20CABD6}" srcOrd="0" destOrd="0" presId="urn:microsoft.com/office/officeart/2005/8/layout/hierarchy3"/>
    <dgm:cxn modelId="{62659767-19C6-4494-8E01-6F705F1E11C4}" srcId="{15502F67-8599-4F1C-B355-28BC4B06F3BB}" destId="{A20EEAA3-1C90-438F-A647-34B10884FA2A}" srcOrd="1" destOrd="0" parTransId="{FF3C1AE5-FB2F-4A5E-A586-826973B3FCEA}" sibTransId="{F7CBBB23-5BDF-48B3-9F40-5B8785C46C36}"/>
    <dgm:cxn modelId="{538160ED-D9FB-4748-AA94-38AC07710947}" type="presOf" srcId="{854267F4-30A6-49EF-92C7-B3C3B43151C8}" destId="{FB01A80A-AB96-46B3-AA79-2A37A68CCC6B}" srcOrd="0" destOrd="0" presId="urn:microsoft.com/office/officeart/2005/8/layout/hierarchy3"/>
    <dgm:cxn modelId="{F208CFC7-051F-4FB6-BAAB-21E025AC2ADF}" type="presOf" srcId="{FF3C1AE5-FB2F-4A5E-A586-826973B3FCEA}" destId="{A0DEE265-3335-4A18-A354-9BC01C37A427}" srcOrd="0" destOrd="0" presId="urn:microsoft.com/office/officeart/2005/8/layout/hierarchy3"/>
    <dgm:cxn modelId="{98742E6A-64C6-4FD2-B62D-99240C3EA105}" srcId="{DE7D6E39-66CD-483A-92D3-1995F6F15B5C}" destId="{09831091-821A-46BD-BBB9-585369694613}" srcOrd="1" destOrd="0" parTransId="{05D13AB6-8469-4CF3-8203-3A77683DBD49}" sibTransId="{7F589E3A-34B2-4386-AC95-5C59858CF564}"/>
    <dgm:cxn modelId="{4124BA0C-7E4C-48B4-BEC3-A8371D803902}" type="presOf" srcId="{15502F67-8599-4F1C-B355-28BC4B06F3BB}" destId="{0B48BC39-214B-4848-BD2C-38FE9BA217EB}" srcOrd="0" destOrd="0" presId="urn:microsoft.com/office/officeart/2005/8/layout/hierarchy3"/>
    <dgm:cxn modelId="{04009B24-E827-42B9-BA70-781BAB5A3A11}" type="presOf" srcId="{09831091-821A-46BD-BBB9-585369694613}" destId="{BF7025BA-E6F5-48F6-AA3E-7E88D0655437}" srcOrd="0" destOrd="0" presId="urn:microsoft.com/office/officeart/2005/8/layout/hierarchy3"/>
    <dgm:cxn modelId="{060C725E-5DD9-4BF3-A3E5-3E59A7762C05}" type="presOf" srcId="{05D13AB6-8469-4CF3-8203-3A77683DBD49}" destId="{C0005593-D518-457A-B74F-956E968A57DB}" srcOrd="0" destOrd="0" presId="urn:microsoft.com/office/officeart/2005/8/layout/hierarchy3"/>
    <dgm:cxn modelId="{93DC8F3E-B4A6-4BA6-9670-3DA69A17EBC0}" type="presOf" srcId="{15502F67-8599-4F1C-B355-28BC4B06F3BB}" destId="{970645F2-D574-43FD-A9A7-F6E0DFAEA108}" srcOrd="1" destOrd="0" presId="urn:microsoft.com/office/officeart/2005/8/layout/hierarchy3"/>
    <dgm:cxn modelId="{31D09EAE-88E4-4BEB-8B01-7AABF21B9796}" type="presParOf" srcId="{1A243F43-A693-486C-82A2-3D95956C3DFF}" destId="{38273969-974D-456D-981E-8DB300BFED14}" srcOrd="0" destOrd="0" presId="urn:microsoft.com/office/officeart/2005/8/layout/hierarchy3"/>
    <dgm:cxn modelId="{96E50EBD-2C73-4E81-961C-37FE96777EB9}" type="presParOf" srcId="{38273969-974D-456D-981E-8DB300BFED14}" destId="{3D3BA6B0-1689-479F-878F-F4D69DE7FFD1}" srcOrd="0" destOrd="0" presId="urn:microsoft.com/office/officeart/2005/8/layout/hierarchy3"/>
    <dgm:cxn modelId="{39D97C89-3A6B-4ACA-9107-D5E83CE6786A}" type="presParOf" srcId="{3D3BA6B0-1689-479F-878F-F4D69DE7FFD1}" destId="{0B48BC39-214B-4848-BD2C-38FE9BA217EB}" srcOrd="0" destOrd="0" presId="urn:microsoft.com/office/officeart/2005/8/layout/hierarchy3"/>
    <dgm:cxn modelId="{BBDAE71A-EA7A-417B-8B8B-C9C4E6CF0135}" type="presParOf" srcId="{3D3BA6B0-1689-479F-878F-F4D69DE7FFD1}" destId="{970645F2-D574-43FD-A9A7-F6E0DFAEA108}" srcOrd="1" destOrd="0" presId="urn:microsoft.com/office/officeart/2005/8/layout/hierarchy3"/>
    <dgm:cxn modelId="{1E718BB7-4BB4-43F8-AA11-8F3E18E9EE4C}" type="presParOf" srcId="{38273969-974D-456D-981E-8DB300BFED14}" destId="{FE9C711E-73EC-4699-89A4-32184EB27174}" srcOrd="1" destOrd="0" presId="urn:microsoft.com/office/officeart/2005/8/layout/hierarchy3"/>
    <dgm:cxn modelId="{117ED537-AD7C-4A42-B87B-FBA62149CD1B}" type="presParOf" srcId="{FE9C711E-73EC-4699-89A4-32184EB27174}" destId="{79807D4C-4CEF-4E03-AAF8-A7B9EFD0A3FE}" srcOrd="0" destOrd="0" presId="urn:microsoft.com/office/officeart/2005/8/layout/hierarchy3"/>
    <dgm:cxn modelId="{069DD3AB-3F5D-4881-8A8B-4470D54D9269}" type="presParOf" srcId="{FE9C711E-73EC-4699-89A4-32184EB27174}" destId="{FB01A80A-AB96-46B3-AA79-2A37A68CCC6B}" srcOrd="1" destOrd="0" presId="urn:microsoft.com/office/officeart/2005/8/layout/hierarchy3"/>
    <dgm:cxn modelId="{484D1002-7218-4331-9F32-B99C29ED7027}" type="presParOf" srcId="{FE9C711E-73EC-4699-89A4-32184EB27174}" destId="{A0DEE265-3335-4A18-A354-9BC01C37A427}" srcOrd="2" destOrd="0" presId="urn:microsoft.com/office/officeart/2005/8/layout/hierarchy3"/>
    <dgm:cxn modelId="{A7352062-3AED-41E6-B20F-90FDFE004EB8}" type="presParOf" srcId="{FE9C711E-73EC-4699-89A4-32184EB27174}" destId="{E9A618A4-5AB0-43D3-BFB1-6A552FA6716A}" srcOrd="3" destOrd="0" presId="urn:microsoft.com/office/officeart/2005/8/layout/hierarchy3"/>
    <dgm:cxn modelId="{3F4BF507-2280-482C-BE46-4449C3489724}" type="presParOf" srcId="{1A243F43-A693-486C-82A2-3D95956C3DFF}" destId="{3D77670E-E72F-4ECE-AC86-4CAC09FA4F5B}" srcOrd="1" destOrd="0" presId="urn:microsoft.com/office/officeart/2005/8/layout/hierarchy3"/>
    <dgm:cxn modelId="{07337C3C-FBDF-4BC4-84E6-A612CA7E9C14}" type="presParOf" srcId="{3D77670E-E72F-4ECE-AC86-4CAC09FA4F5B}" destId="{258F1993-799B-4E07-B9BC-A32B00F49050}" srcOrd="0" destOrd="0" presId="urn:microsoft.com/office/officeart/2005/8/layout/hierarchy3"/>
    <dgm:cxn modelId="{EF3B602C-77EF-4259-A68A-FB253B7D63E1}" type="presParOf" srcId="{258F1993-799B-4E07-B9BC-A32B00F49050}" destId="{D94C3119-709E-49FC-8CC5-DADA96898F8C}" srcOrd="0" destOrd="0" presId="urn:microsoft.com/office/officeart/2005/8/layout/hierarchy3"/>
    <dgm:cxn modelId="{89F66F37-7DB8-4455-90FF-3481FAFC827E}" type="presParOf" srcId="{258F1993-799B-4E07-B9BC-A32B00F49050}" destId="{5C054B0D-2E15-4513-AE43-9D9DA697312A}" srcOrd="1" destOrd="0" presId="urn:microsoft.com/office/officeart/2005/8/layout/hierarchy3"/>
    <dgm:cxn modelId="{59BB549B-7A43-4CD2-9F1B-1001E6022221}" type="presParOf" srcId="{3D77670E-E72F-4ECE-AC86-4CAC09FA4F5B}" destId="{F4F3D2ED-0358-4DC6-86D4-5A0902160E1C}" srcOrd="1" destOrd="0" presId="urn:microsoft.com/office/officeart/2005/8/layout/hierarchy3"/>
    <dgm:cxn modelId="{AF2B5D93-DE2C-4B74-8930-525CC8C6B7BC}" type="presParOf" srcId="{F4F3D2ED-0358-4DC6-86D4-5A0902160E1C}" destId="{4C058568-EA95-4B62-AB6A-5908E20CABD6}" srcOrd="0" destOrd="0" presId="urn:microsoft.com/office/officeart/2005/8/layout/hierarchy3"/>
    <dgm:cxn modelId="{B1B47B2F-F5BF-409F-B6FD-69653B1A0A76}" type="presParOf" srcId="{F4F3D2ED-0358-4DC6-86D4-5A0902160E1C}" destId="{33172B33-ED47-4EA0-927B-B029D297A3C3}" srcOrd="1" destOrd="0" presId="urn:microsoft.com/office/officeart/2005/8/layout/hierarchy3"/>
    <dgm:cxn modelId="{81D1BA5D-101D-4E91-A710-27DC0E3642EA}" type="presParOf" srcId="{F4F3D2ED-0358-4DC6-86D4-5A0902160E1C}" destId="{C0005593-D518-457A-B74F-956E968A57DB}" srcOrd="2" destOrd="0" presId="urn:microsoft.com/office/officeart/2005/8/layout/hierarchy3"/>
    <dgm:cxn modelId="{CC1D62FE-9B58-4E5E-A4C8-8B9873504112}" type="presParOf" srcId="{F4F3D2ED-0358-4DC6-86D4-5A0902160E1C}" destId="{BF7025BA-E6F5-48F6-AA3E-7E88D0655437}" srcOrd="3" destOrd="0" presId="urn:microsoft.com/office/officeart/2005/8/layout/hierarchy3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0B48BC39-214B-4848-BD2C-38FE9BA217EB}">
      <dsp:nvSpPr>
        <dsp:cNvPr id="0" name=""/>
        <dsp:cNvSpPr/>
      </dsp:nvSpPr>
      <dsp:spPr>
        <a:xfrm>
          <a:off x="1014857" y="2341"/>
          <a:ext cx="4837561" cy="1559718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37160" tIns="91440" rIns="137160" bIns="91440" numCol="1" spcCol="1270" anchor="ctr" anchorCtr="0">
          <a:noAutofit/>
        </a:bodyPr>
        <a:lstStyle/>
        <a:p>
          <a:pPr lvl="0" algn="ctr" defTabSz="32004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7200" b="1" kern="1200" dirty="0" smtClean="0">
              <a:latin typeface="Georgia" panose="02040502050405020303" pitchFamily="18" charset="0"/>
            </a:rPr>
            <a:t>ЧЭШ</a:t>
          </a:r>
          <a:endParaRPr lang="ru-RU" sz="7200" b="1" kern="1200" dirty="0">
            <a:latin typeface="Georgia" panose="02040502050405020303" pitchFamily="18" charset="0"/>
          </a:endParaRPr>
        </a:p>
      </dsp:txBody>
      <dsp:txXfrm>
        <a:off x="1060540" y="48024"/>
        <a:ext cx="4746195" cy="1468352"/>
      </dsp:txXfrm>
    </dsp:sp>
    <dsp:sp modelId="{79807D4C-4CEF-4E03-AAF8-A7B9EFD0A3FE}">
      <dsp:nvSpPr>
        <dsp:cNvPr id="0" name=""/>
        <dsp:cNvSpPr/>
      </dsp:nvSpPr>
      <dsp:spPr>
        <a:xfrm>
          <a:off x="1498613" y="1562060"/>
          <a:ext cx="274660" cy="1330050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330050"/>
              </a:lnTo>
              <a:lnTo>
                <a:pt x="274660" y="1330050"/>
              </a:lnTo>
            </a:path>
          </a:pathLst>
        </a:custGeom>
        <a:noFill/>
        <a:ln w="76200" cap="flat" cmpd="sng" algn="ctr">
          <a:solidFill>
            <a:srgbClr val="7030A0"/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FB01A80A-AB96-46B3-AA79-2A37A68CCC6B}">
      <dsp:nvSpPr>
        <dsp:cNvPr id="0" name=""/>
        <dsp:cNvSpPr/>
      </dsp:nvSpPr>
      <dsp:spPr>
        <a:xfrm>
          <a:off x="1773273" y="1952271"/>
          <a:ext cx="3686775" cy="1879679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5720" tIns="30480" rIns="45720" bIns="3048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400" kern="1200" dirty="0" smtClean="0">
              <a:latin typeface="Georgia" panose="02040502050405020303" pitchFamily="18" charset="0"/>
            </a:rPr>
            <a:t>Разработка двух курсов (Литература 10 и 11 класс, базовое изучение) для Челябинской электронной школы</a:t>
          </a:r>
        </a:p>
      </dsp:txBody>
      <dsp:txXfrm>
        <a:off x="1828327" y="2007325"/>
        <a:ext cx="3576667" cy="1769571"/>
      </dsp:txXfrm>
    </dsp:sp>
    <dsp:sp modelId="{A0DEE265-3335-4A18-A354-9BC01C37A427}">
      <dsp:nvSpPr>
        <dsp:cNvPr id="0" name=""/>
        <dsp:cNvSpPr/>
      </dsp:nvSpPr>
      <dsp:spPr>
        <a:xfrm>
          <a:off x="1498613" y="1562060"/>
          <a:ext cx="274660" cy="3439678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439678"/>
              </a:lnTo>
              <a:lnTo>
                <a:pt x="274660" y="3439678"/>
              </a:lnTo>
            </a:path>
          </a:pathLst>
        </a:custGeom>
        <a:noFill/>
        <a:ln w="57150" cap="flat" cmpd="sng" algn="ctr">
          <a:solidFill>
            <a:srgbClr val="7030A0"/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9A618A4-5AB0-43D3-BFB1-6A552FA6716A}">
      <dsp:nvSpPr>
        <dsp:cNvPr id="0" name=""/>
        <dsp:cNvSpPr/>
      </dsp:nvSpPr>
      <dsp:spPr>
        <a:xfrm>
          <a:off x="1773273" y="4221880"/>
          <a:ext cx="3701624" cy="1559718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5720" tIns="30480" rIns="45720" bIns="3048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400" kern="1200" dirty="0" smtClean="0">
              <a:latin typeface="Georgia" panose="02040502050405020303" pitchFamily="18" charset="0"/>
            </a:rPr>
            <a:t>Продолжение работы, курс литературы в 9 классе</a:t>
          </a:r>
          <a:endParaRPr lang="ru-RU" sz="2400" kern="1200" dirty="0">
            <a:latin typeface="Georgia" panose="02040502050405020303" pitchFamily="18" charset="0"/>
          </a:endParaRPr>
        </a:p>
      </dsp:txBody>
      <dsp:txXfrm>
        <a:off x="1818956" y="4267563"/>
        <a:ext cx="3610258" cy="1468352"/>
      </dsp:txXfrm>
    </dsp:sp>
    <dsp:sp modelId="{D94C3119-709E-49FC-8CC5-DADA96898F8C}">
      <dsp:nvSpPr>
        <dsp:cNvPr id="0" name=""/>
        <dsp:cNvSpPr/>
      </dsp:nvSpPr>
      <dsp:spPr>
        <a:xfrm>
          <a:off x="6423182" y="2622"/>
          <a:ext cx="4963056" cy="1559718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37160" tIns="91440" rIns="137160" bIns="91440" numCol="1" spcCol="1270" anchor="ctr" anchorCtr="0">
          <a:noAutofit/>
        </a:bodyPr>
        <a:lstStyle/>
        <a:p>
          <a:pPr lvl="0" algn="ctr" defTabSz="32004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7200" b="1" kern="1200" dirty="0" smtClean="0">
              <a:latin typeface="Georgia" panose="02040502050405020303" pitchFamily="18" charset="0"/>
            </a:rPr>
            <a:t>Сферум </a:t>
          </a:r>
          <a:endParaRPr lang="ru-RU" sz="7200" b="1" kern="1200" dirty="0">
            <a:latin typeface="Georgia" panose="02040502050405020303" pitchFamily="18" charset="0"/>
          </a:endParaRPr>
        </a:p>
      </dsp:txBody>
      <dsp:txXfrm>
        <a:off x="6468865" y="48305"/>
        <a:ext cx="4871690" cy="1468352"/>
      </dsp:txXfrm>
    </dsp:sp>
    <dsp:sp modelId="{4C058568-EA95-4B62-AB6A-5908E20CABD6}">
      <dsp:nvSpPr>
        <dsp:cNvPr id="0" name=""/>
        <dsp:cNvSpPr/>
      </dsp:nvSpPr>
      <dsp:spPr>
        <a:xfrm>
          <a:off x="6919487" y="1562341"/>
          <a:ext cx="496305" cy="1421605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421605"/>
              </a:lnTo>
              <a:lnTo>
                <a:pt x="496305" y="1421605"/>
              </a:lnTo>
            </a:path>
          </a:pathLst>
        </a:custGeom>
        <a:noFill/>
        <a:ln w="76200" cap="flat" cmpd="sng" algn="ctr">
          <a:solidFill>
            <a:srgbClr val="7030A0"/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33172B33-ED47-4EA0-927B-B029D297A3C3}">
      <dsp:nvSpPr>
        <dsp:cNvPr id="0" name=""/>
        <dsp:cNvSpPr/>
      </dsp:nvSpPr>
      <dsp:spPr>
        <a:xfrm>
          <a:off x="7415793" y="1952271"/>
          <a:ext cx="3796130" cy="2063351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53340" tIns="35560" rIns="53340" bIns="35560" numCol="1" spcCol="1270" anchor="ctr" anchorCtr="0">
          <a:noAutofit/>
        </a:bodyPr>
        <a:lstStyle/>
        <a:p>
          <a:pPr lvl="0" algn="ctr" defTabSz="1244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800" i="0" kern="1200" dirty="0" smtClean="0">
              <a:latin typeface="Georgia" panose="02040502050405020303" pitchFamily="18" charset="0"/>
            </a:rPr>
            <a:t>Переход на единый мессенджер при очно/заочной форме обучения</a:t>
          </a:r>
          <a:r>
            <a:rPr lang="ru-RU" sz="2000" i="0" kern="1200" dirty="0" smtClean="0">
              <a:latin typeface="Georgia" panose="02040502050405020303" pitchFamily="18" charset="0"/>
            </a:rPr>
            <a:t> </a:t>
          </a:r>
          <a:endParaRPr lang="ru-RU" sz="1800" i="0" kern="1200" dirty="0" smtClean="0">
            <a:latin typeface="Georgia" panose="02040502050405020303" pitchFamily="18" charset="0"/>
          </a:endParaRPr>
        </a:p>
      </dsp:txBody>
      <dsp:txXfrm>
        <a:off x="7476226" y="2012704"/>
        <a:ext cx="3675264" cy="1942485"/>
      </dsp:txXfrm>
    </dsp:sp>
    <dsp:sp modelId="{C0005593-D518-457A-B74F-956E968A57DB}">
      <dsp:nvSpPr>
        <dsp:cNvPr id="0" name=""/>
        <dsp:cNvSpPr/>
      </dsp:nvSpPr>
      <dsp:spPr>
        <a:xfrm>
          <a:off x="6919487" y="1562341"/>
          <a:ext cx="496305" cy="3623070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623070"/>
              </a:lnTo>
              <a:lnTo>
                <a:pt x="496305" y="3623070"/>
              </a:lnTo>
            </a:path>
          </a:pathLst>
        </a:custGeom>
        <a:noFill/>
        <a:ln w="57150" cap="flat" cmpd="sng" algn="ctr">
          <a:solidFill>
            <a:srgbClr val="7030A0"/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F7025BA-E6F5-48F6-AA3E-7E88D0655437}">
      <dsp:nvSpPr>
        <dsp:cNvPr id="0" name=""/>
        <dsp:cNvSpPr/>
      </dsp:nvSpPr>
      <dsp:spPr>
        <a:xfrm>
          <a:off x="7415793" y="4405552"/>
          <a:ext cx="3619645" cy="1559718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5720" tIns="30480" rIns="45720" bIns="3048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400" kern="1200" dirty="0" smtClean="0">
              <a:latin typeface="Georgia" panose="02040502050405020303" pitchFamily="18" charset="0"/>
            </a:rPr>
            <a:t>Ежедневная работа в Сферуме с обучением единым требованиям</a:t>
          </a:r>
        </a:p>
      </dsp:txBody>
      <dsp:txXfrm>
        <a:off x="7461476" y="4451235"/>
        <a:ext cx="3528279" cy="1468352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hierarchy3">
  <dgm:title val=""/>
  <dgm:desc val=""/>
  <dgm:catLst>
    <dgm:cat type="hierarchy" pri="7000"/>
    <dgm:cat type="list" pri="23000"/>
    <dgm:cat type="relationship" pri="15000"/>
    <dgm:cat type="convert" pri="7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</dgm:ptLst>
      <dgm:cxnLst>
        <dgm:cxn modelId="4" srcId="0" destId="1" srcOrd="0" destOrd="0"/>
        <dgm:cxn modelId="5" srcId="1" destId="11" srcOrd="0" destOrd="0"/>
        <dgm:cxn modelId="6" srcId="1" destId="12" srcOrd="1" destOrd="0"/>
        <dgm:cxn modelId="7" srcId="0" destId="2" srcOrd="1" destOrd="0"/>
        <dgm:cxn modelId="8" srcId="2" destId="21" srcOrd="0" destOrd="0"/>
        <dgm:cxn modelId="9" srcId="2" destId="2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diagram">
    <dgm:varLst>
      <dgm:chPref val="1"/>
      <dgm:dir/>
      <dgm:animOne val="branch"/>
      <dgm:animLvl val="lvl"/>
      <dgm:resizeHandles/>
    </dgm:varLst>
    <dgm:choose name="Name0">
      <dgm:if name="Name1" func="var" arg="dir" op="equ" val="norm">
        <dgm:alg type="hierChild">
          <dgm:param type="linDir" val="fromL"/>
        </dgm:alg>
      </dgm:if>
      <dgm:else name="Name2">
        <dgm:alg type="hierChild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primFontSz" for="des" forName="rootText" op="equ" val="65"/>
      <dgm:constr type="primFontSz" for="des" forName="childText" op="equ" val="65"/>
      <dgm:constr type="w" for="des" forName="rootComposite" refType="w"/>
      <dgm:constr type="h" for="des" forName="rootComposite" refType="w" fact="0.5"/>
      <dgm:constr type="w" for="des" forName="childText" refType="w" refFor="des" refForName="rootComposite" fact="0.8"/>
      <dgm:constr type="h" for="des" forName="childText" refType="h" refFor="des" refForName="rootComposite"/>
      <dgm:constr type="sibSp" refType="w" refFor="des" refForName="rootComposite" fact="0.25"/>
      <dgm:constr type="sibSp" for="des" forName="childShape" refType="h" refFor="des" refForName="childText" fact="0.25"/>
      <dgm:constr type="sp" for="des" forName="root" refType="h" refFor="des" refForName="childText" fact="0.25"/>
    </dgm:constrLst>
    <dgm:ruleLst/>
    <dgm:forEach name="Name3" axis="ch">
      <dgm:forEach name="Name4" axis="self" ptType="node" cnt="1">
        <dgm:layoutNode name="root">
          <dgm:choose name="Name5">
            <dgm:if name="Name6" func="var" arg="dir" op="equ" val="norm">
              <dgm:alg type="hierRoot">
                <dgm:param type="hierAlign" val="tL"/>
              </dgm:alg>
            </dgm:if>
            <dgm:else name="Name7">
              <dgm:alg type="hierRoot">
                <dgm:param type="hierAlign" val="t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alignOff" val="0.2"/>
          </dgm:constrLst>
          <dgm:ruleLst/>
          <dgm:layoutNode name="rootComposite"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8">
              <dgm:if name="Name9" func="var" arg="dir" op="equ" val="norm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l" for="ch" forName="rootConnector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if>
              <dgm:else name="Name10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r" for="ch" forName="rootConnector" refType="w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else>
            </dgm:choose>
            <dgm:ruleLst/>
            <dgm:layoutNode name="rootText" styleLbl="node1">
              <dgm:alg type="tx"/>
              <dgm:shape xmlns:r="http://schemas.openxmlformats.org/officeDocument/2006/relationships" type="roundRect" r:blip="">
                <dgm:adjLst>
                  <dgm:adj idx="1" val="0.1"/>
                </dgm:adjLst>
              </dgm:shape>
              <dgm:presOf axis="self" ptType="node" cnt="1"/>
              <dgm:constrLst>
                <dgm:constr type="tMarg" refType="primFontSz" fact="0.1"/>
                <dgm:constr type="bMarg" refType="primFontSz" fact="0.1"/>
                <dgm:constr type="lMarg" refType="primFontSz" fact="0.15"/>
                <dgm:constr type="rMarg" refType="primFontSz" fact="0.15"/>
              </dgm:constrLst>
              <dgm:ruleLst>
                <dgm:rule type="primFontSz" val="5" fact="NaN" max="NaN"/>
              </dgm:ruleLst>
            </dgm:layoutNode>
            <dgm:layoutNode name="rootConnector" moveWith="rootText">
              <dgm:alg type="sp"/>
              <dgm:shape xmlns:r="http://schemas.openxmlformats.org/officeDocument/2006/relationships" type="roundRect" r:blip="" hideGeom="1">
                <dgm:adjLst>
                  <dgm:adj idx="1" val="0.1"/>
                </dgm:adjLst>
              </dgm:shape>
              <dgm:presOf axis="self" ptType="node" cnt="1"/>
              <dgm:constrLst/>
              <dgm:ruleLst/>
            </dgm:layoutNode>
          </dgm:layoutNode>
          <dgm:layoutNode name="childShape">
            <dgm:alg type="hierChild">
              <dgm:param type="chAlign" val="l"/>
              <dgm:param type="linDir" val="fromT"/>
            </dgm:alg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Name11" axis="ch">
              <dgm:forEach name="Name12" axis="self" ptType="parTrans" cnt="1">
                <dgm:layoutNode name="Name13">
                  <dgm:choose name="Name14">
                    <dgm:if name="Name15" func="var" arg="dir" op="equ" val="norm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L"/>
                      </dgm:alg>
                    </dgm:if>
                    <dgm:else name="Name16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R"/>
                      </dgm:alg>
                    </dgm:else>
                  </dgm:choose>
                  <dgm:shape xmlns:r="http://schemas.openxmlformats.org/officeDocument/2006/relationships" type="conn" r:blip="">
                    <dgm:adjLst/>
                  </dgm:shape>
                  <dgm:presOf axis="self"/>
                  <dgm:constrLst>
                    <dgm:constr type="begPad"/>
                    <dgm:constr type="endPad"/>
                  </dgm:constrLst>
                  <dgm:ruleLst/>
                </dgm:layoutNode>
              </dgm:forEach>
              <dgm:forEach name="Name17" axis="self" ptType="node">
                <dgm:layoutNode name="childText" styleLbl="bgAcc1">
                  <dgm:varLst>
                    <dgm:bulletEnabled val="1"/>
                  </dgm:varLst>
                  <dgm:alg type="tx"/>
                  <dgm:shape xmlns:r="http://schemas.openxmlformats.org/officeDocument/2006/relationships" type="roundRect" r:blip="">
                    <dgm:adjLst>
                      <dgm:adj idx="1" val="0.1"/>
                    </dgm:adjLst>
                  </dgm:shape>
                  <dgm:presOf axis="self desOrSelf" ptType="node node" st="1 1" cnt="1 0"/>
                  <dgm:constrLst>
                    <dgm:constr type="tMarg" refType="primFontSz" fact="0.1"/>
                    <dgm:constr type="bMarg" refType="primFontSz" fact="0.1"/>
                    <dgm:constr type="lMarg" refType="primFontSz" fact="0.15"/>
                    <dgm:constr type="rMarg" refType="primFontSz" fact="0.15"/>
                  </dgm:constrLst>
                  <dgm:ruleLst>
                    <dgm:rule type="primFontSz" val="5" fact="NaN" max="NaN"/>
                  </dgm:ruleLst>
                </dgm:layoutNode>
              </dgm:forEach>
            </dgm:forEach>
          </dgm:layoutNode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0FB0041-D942-4956-A701-8DE66D511B53}" type="datetimeFigureOut">
              <a:rPr lang="ru-RU" smtClean="0"/>
              <a:t>28.03.2023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50AA4D4-A14D-4851-82E2-7919D0D639A7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0961106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1662005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450096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472911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0295571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6967934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7289276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9061554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310515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9331260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3961384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4915455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0795050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838C4B-28DC-4A0B-A2B4-CFD02663E6C1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6013321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14400" y="2130426"/>
            <a:ext cx="10363200" cy="1470025"/>
          </a:xfrm>
        </p:spPr>
        <p:txBody>
          <a:bodyPr anchor="b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828800" y="3581400"/>
            <a:ext cx="8534400" cy="609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bg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0074635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1337334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839200" y="274639"/>
            <a:ext cx="27432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09600" y="274639"/>
            <a:ext cx="80264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3317390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8004702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63084" y="3938588"/>
            <a:ext cx="103632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63084" y="2438401"/>
            <a:ext cx="103632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bg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6295088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09600" y="1600201"/>
            <a:ext cx="53848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97600" y="1600201"/>
            <a:ext cx="53848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3652874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09600" y="1535113"/>
            <a:ext cx="5386917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09600" y="2174875"/>
            <a:ext cx="5386917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93368" y="1535113"/>
            <a:ext cx="5389033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93368" y="2174875"/>
            <a:ext cx="5389033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697744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659082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0278086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09601" y="273050"/>
            <a:ext cx="4011084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766733" y="273051"/>
            <a:ext cx="6815667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09601" y="1435101"/>
            <a:ext cx="4011084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8425828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389717" y="4800600"/>
            <a:ext cx="73152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2389717" y="612775"/>
            <a:ext cx="73152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smtClean="0"/>
              <a:t>Вставка рисунка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389717" y="5367338"/>
            <a:ext cx="73152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AC7A713-7007-4913-B2CB-7614D15284D3}" type="datetimeFigureOut">
              <a:rPr lang="en-US" smtClean="0"/>
              <a:t>3/28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EB5BB6-300C-4D5B-9AC3-521233952C7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7441543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09600" y="274638"/>
            <a:ext cx="109728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09600" y="1600200"/>
            <a:ext cx="10972800" cy="3733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09600" y="6356351"/>
            <a:ext cx="284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ysClr val="windowText" lastClr="000000"/>
                </a:solidFill>
              </a:defRPr>
            </a:lvl1pPr>
          </a:lstStyle>
          <a:p>
            <a:fld id="{8AC7A713-7007-4913-B2CB-7614D15284D3}" type="datetimeFigureOut">
              <a:rPr lang="en-US" smtClean="0"/>
              <a:pPr/>
              <a:t>3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165600" y="6356351"/>
            <a:ext cx="3860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ysClr val="windowText" lastClr="000000"/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737600" y="6356351"/>
            <a:ext cx="284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ysClr val="windowText" lastClr="000000"/>
                </a:solidFill>
              </a:defRPr>
            </a:lvl1pPr>
          </a:lstStyle>
          <a:p>
            <a:fld id="{7BEB5BB6-300C-4D5B-9AC3-521233952C76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007787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5400" b="1" kern="1200">
          <a:ln w="19050">
            <a:solidFill>
              <a:srgbClr val="E4DA9C"/>
            </a:solidFill>
          </a:ln>
          <a:solidFill>
            <a:srgbClr val="E4DA9C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Microsoft New Tai Lue" panose="020B0502040204020203" pitchFamily="34" charset="0"/>
          <a:ea typeface="+mj-ea"/>
          <a:cs typeface="Microsoft New Tai Lue" panose="020B0502040204020203" pitchFamily="34" charset="0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bg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Microsoft New Tai Lue" panose="020B0502040204020203" pitchFamily="34" charset="0"/>
          <a:ea typeface="+mn-ea"/>
          <a:cs typeface="Microsoft New Tai Lue" panose="020B0502040204020203" pitchFamily="34" charset="0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bg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Microsoft New Tai Lue" panose="020B0502040204020203" pitchFamily="34" charset="0"/>
          <a:ea typeface="+mn-ea"/>
          <a:cs typeface="Microsoft New Tai Lue" panose="020B0502040204020203" pitchFamily="34" charset="0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bg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Microsoft New Tai Lue" panose="020B0502040204020203" pitchFamily="34" charset="0"/>
          <a:ea typeface="+mn-ea"/>
          <a:cs typeface="Microsoft New Tai Lue" panose="020B0502040204020203" pitchFamily="34" charset="0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bg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Microsoft New Tai Lue" panose="020B0502040204020203" pitchFamily="34" charset="0"/>
          <a:ea typeface="+mn-ea"/>
          <a:cs typeface="Microsoft New Tai Lue" panose="020B0502040204020203" pitchFamily="34" charset="0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bg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Microsoft New Tai Lue" panose="020B0502040204020203" pitchFamily="34" charset="0"/>
          <a:ea typeface="+mn-ea"/>
          <a:cs typeface="Microsoft New Tai Lue" panose="020B0502040204020203" pitchFamily="34" charset="0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4" Type="http://schemas.openxmlformats.org/officeDocument/2006/relationships/image" Target="../media/image13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4" Type="http://schemas.openxmlformats.org/officeDocument/2006/relationships/image" Target="../media/image14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4" Type="http://schemas.openxmlformats.org/officeDocument/2006/relationships/image" Target="../media/image1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Relationship Id="rId4" Type="http://schemas.openxmlformats.org/officeDocument/2006/relationships/image" Target="../media/image16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9.png"/><Relationship Id="rId3" Type="http://schemas.openxmlformats.org/officeDocument/2006/relationships/tags" Target="../tags/tag16.xml"/><Relationship Id="rId7" Type="http://schemas.openxmlformats.org/officeDocument/2006/relationships/image" Target="../media/image18.png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17.png"/><Relationship Id="rId5" Type="http://schemas.openxmlformats.org/officeDocument/2006/relationships/notesSlide" Target="../notesSlides/notesSlide13.xml"/><Relationship Id="rId4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.xml"/><Relationship Id="rId3" Type="http://schemas.openxmlformats.org/officeDocument/2006/relationships/notesSlide" Target="../notesSlides/notesSlide1.xml"/><Relationship Id="rId7" Type="http://schemas.openxmlformats.org/officeDocument/2006/relationships/diagramColors" Target="../diagrams/colors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.xml"/><Relationship Id="rId6" Type="http://schemas.openxmlformats.org/officeDocument/2006/relationships/diagramQuickStyle" Target="../diagrams/quickStyle1.xml"/><Relationship Id="rId5" Type="http://schemas.openxmlformats.org/officeDocument/2006/relationships/diagramLayout" Target="../diagrams/layout1.xml"/><Relationship Id="rId4" Type="http://schemas.openxmlformats.org/officeDocument/2006/relationships/diagramData" Target="../diagrams/data1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8.png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7.png"/><Relationship Id="rId5" Type="http://schemas.openxmlformats.org/officeDocument/2006/relationships/image" Target="../media/image6.png"/><Relationship Id="rId4" Type="http://schemas.openxmlformats.org/officeDocument/2006/relationships/notesSlide" Target="../notesSlides/notesSlide4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4" Type="http://schemas.openxmlformats.org/officeDocument/2006/relationships/image" Target="../media/image9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4" Type="http://schemas.openxmlformats.org/officeDocument/2006/relationships/image" Target="../media/image10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4" Type="http://schemas.openxmlformats.org/officeDocument/2006/relationships/image" Target="../media/image11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4" Type="http://schemas.openxmlformats.org/officeDocument/2006/relationships/image" Target="../media/image1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51384" y="548680"/>
            <a:ext cx="10363200" cy="2691731"/>
          </a:xfrm>
        </p:spPr>
        <p:txBody>
          <a:bodyPr/>
          <a:lstStyle/>
          <a:p>
            <a:r>
              <a:rPr lang="ru-RU" smtClean="0">
                <a:latin typeface="Georgia" panose="02040502050405020303" pitchFamily="18" charset="0"/>
              </a:rPr>
              <a:t>Из опыта работы в цифровых образовательных ресурсах</a:t>
            </a:r>
            <a:endParaRPr lang="en-US" dirty="0">
              <a:latin typeface="Georgia" panose="02040502050405020303" pitchFamily="18" charset="0"/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625953" y="3576986"/>
            <a:ext cx="8534400" cy="1113656"/>
          </a:xfrm>
        </p:spPr>
        <p:txBody>
          <a:bodyPr>
            <a:normAutofit lnSpcReduction="10000"/>
          </a:bodyPr>
          <a:lstStyle/>
          <a:p>
            <a:r>
              <a:rPr lang="ru-RU" dirty="0" smtClean="0">
                <a:latin typeface="Georgia" panose="02040502050405020303" pitchFamily="18" charset="0"/>
              </a:rPr>
              <a:t>Дятлова Галина Ивановна</a:t>
            </a:r>
          </a:p>
          <a:p>
            <a:r>
              <a:rPr lang="ru-RU" dirty="0" smtClean="0">
                <a:latin typeface="Georgia" panose="02040502050405020303" pitchFamily="18" charset="0"/>
              </a:rPr>
              <a:t>МАОУ «Лицей № 35 г. Челябинска»</a:t>
            </a:r>
            <a:endParaRPr lang="en-US" dirty="0">
              <a:latin typeface="Georgia" panose="02040502050405020303" pitchFamily="18" charset="0"/>
            </a:endParaRPr>
          </a:p>
        </p:txBody>
      </p:sp>
      <p:pic>
        <p:nvPicPr>
          <p:cNvPr id="4" name="Рисунок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02006" y="240079"/>
            <a:ext cx="1905000" cy="17065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7919" y="3522913"/>
            <a:ext cx="2271106" cy="3200401"/>
          </a:xfrm>
          <a:prstGeom prst="ellipse">
            <a:avLst/>
          </a:prstGeom>
          <a:effectLst>
            <a:glow rad="228600">
              <a:schemeClr val="accent1">
                <a:alpha val="40000"/>
              </a:schemeClr>
            </a:glow>
            <a:softEdge rad="127000"/>
          </a:effectLst>
        </p:spPr>
      </p:pic>
    </p:spTree>
    <p:extLst>
      <p:ext uri="{BB962C8B-B14F-4D97-AF65-F5344CB8AC3E}">
        <p14:creationId xmlns:p14="http://schemas.microsoft.com/office/powerpoint/2010/main" val="323695280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453530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134631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168942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601688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1559496" y="293436"/>
            <a:ext cx="2471693" cy="6564564"/>
          </a:xfrm>
          <a:prstGeom prst="rect">
            <a:avLst/>
          </a:prstGeom>
        </p:spPr>
      </p:pic>
      <p:pic>
        <p:nvPicPr>
          <p:cNvPr id="3" name="Рисунок 2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624199" y="626178"/>
            <a:ext cx="1359526" cy="6218459"/>
          </a:xfrm>
          <a:prstGeom prst="rect">
            <a:avLst/>
          </a:prstGeom>
        </p:spPr>
      </p:pic>
      <p:pic>
        <p:nvPicPr>
          <p:cNvPr id="4" name="Picture 1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031189" y="431333"/>
            <a:ext cx="4585091" cy="4682416"/>
          </a:xfrm>
          <a:prstGeom prst="rect">
            <a:avLst/>
          </a:prstGeom>
        </p:spPr>
      </p:pic>
      <p:sp>
        <p:nvSpPr>
          <p:cNvPr id="6" name="Прямоугольник 5"/>
          <p:cNvSpPr/>
          <p:nvPr/>
        </p:nvSpPr>
        <p:spPr>
          <a:xfrm rot="295692">
            <a:off x="4447260" y="1243889"/>
            <a:ext cx="3752951" cy="230832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ru-RU" sz="3600" b="1" i="1" kern="0" dirty="0" smtClean="0">
                <a:solidFill>
                  <a:prstClr val="white"/>
                </a:solidFill>
                <a:latin typeface="Georgia" panose="02040502050405020303" pitchFamily="18" charset="0"/>
                <a:ea typeface="Roboto Light" panose="020B0604020202020204" charset="0"/>
                <a:cs typeface="Roboto Light" panose="020B0604020202020204" charset="0"/>
              </a:rPr>
              <a:t>«Кто ничего </a:t>
            </a:r>
          </a:p>
          <a:p>
            <a:pPr algn="ctr">
              <a:defRPr/>
            </a:pPr>
            <a:r>
              <a:rPr lang="ru-RU" sz="3600" b="1" i="1" kern="0" dirty="0" smtClean="0">
                <a:solidFill>
                  <a:prstClr val="white"/>
                </a:solidFill>
                <a:latin typeface="Georgia" panose="02040502050405020303" pitchFamily="18" charset="0"/>
                <a:ea typeface="Roboto Light" panose="020B0604020202020204" charset="0"/>
                <a:cs typeface="Roboto Light" panose="020B0604020202020204" charset="0"/>
              </a:rPr>
              <a:t>не делает, </a:t>
            </a:r>
          </a:p>
          <a:p>
            <a:pPr algn="ctr">
              <a:defRPr/>
            </a:pPr>
            <a:r>
              <a:rPr lang="ru-RU" sz="3600" b="1" i="1" kern="0" dirty="0">
                <a:solidFill>
                  <a:prstClr val="white"/>
                </a:solidFill>
                <a:latin typeface="Georgia" panose="02040502050405020303" pitchFamily="18" charset="0"/>
                <a:ea typeface="Roboto Light" panose="020B0604020202020204" charset="0"/>
              </a:rPr>
              <a:t>с</a:t>
            </a:r>
            <a:r>
              <a:rPr lang="ru-RU" sz="3600" b="1" i="1" kern="0" dirty="0" smtClean="0">
                <a:solidFill>
                  <a:prstClr val="white"/>
                </a:solidFill>
                <a:latin typeface="Georgia" panose="02040502050405020303" pitchFamily="18" charset="0"/>
                <a:ea typeface="Roboto Light" panose="020B0604020202020204" charset="0"/>
              </a:rPr>
              <a:t> тем ничего </a:t>
            </a:r>
          </a:p>
          <a:p>
            <a:pPr algn="ctr">
              <a:defRPr/>
            </a:pPr>
            <a:r>
              <a:rPr lang="ru-RU" sz="3600" b="1" i="1" kern="0" dirty="0" smtClean="0">
                <a:solidFill>
                  <a:prstClr val="white"/>
                </a:solidFill>
                <a:latin typeface="Georgia" panose="02040502050405020303" pitchFamily="18" charset="0"/>
                <a:ea typeface="Roboto Light" panose="020B0604020202020204" charset="0"/>
              </a:rPr>
              <a:t>не станется»</a:t>
            </a:r>
            <a:endParaRPr lang="ru-RU" sz="3600" b="1" i="1" kern="0" dirty="0">
              <a:solidFill>
                <a:prstClr val="white"/>
              </a:solidFill>
              <a:latin typeface="Georgia" panose="02040502050405020303" pitchFamily="18" charset="0"/>
            </a:endParaRPr>
          </a:p>
        </p:txBody>
      </p:sp>
      <p:sp>
        <p:nvSpPr>
          <p:cNvPr id="7" name="Прямоугольник 6"/>
          <p:cNvSpPr/>
          <p:nvPr/>
        </p:nvSpPr>
        <p:spPr>
          <a:xfrm rot="295692">
            <a:off x="5398731" y="3909240"/>
            <a:ext cx="2678938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r">
              <a:defRPr/>
            </a:pPr>
            <a:r>
              <a:rPr lang="ru-RU" sz="3600" kern="0" dirty="0" smtClean="0">
                <a:solidFill>
                  <a:prstClr val="white"/>
                </a:solidFill>
                <a:latin typeface="Georgia" panose="02040502050405020303" pitchFamily="18" charset="0"/>
                <a:ea typeface="Roboto Light" panose="020B0604020202020204" charset="0"/>
                <a:cs typeface="Roboto Light" panose="020B0604020202020204" charset="0"/>
              </a:rPr>
              <a:t>М. Горький</a:t>
            </a:r>
            <a:endParaRPr lang="ru-RU" sz="3600" kern="0" dirty="0">
              <a:solidFill>
                <a:prstClr val="white"/>
              </a:solidFill>
              <a:latin typeface="Georgia" panose="02040502050405020303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04954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51384" y="548680"/>
            <a:ext cx="10363200" cy="2691731"/>
          </a:xfrm>
        </p:spPr>
        <p:txBody>
          <a:bodyPr/>
          <a:lstStyle/>
          <a:p>
            <a:r>
              <a:rPr lang="ru-RU" smtClean="0">
                <a:latin typeface="Georgia" panose="02040502050405020303" pitchFamily="18" charset="0"/>
              </a:rPr>
              <a:t>Из опыта работы в цифровых образовательных ресурсах</a:t>
            </a:r>
            <a:endParaRPr lang="en-US" dirty="0">
              <a:latin typeface="Georgia" panose="02040502050405020303" pitchFamily="18" charset="0"/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625953" y="3576986"/>
            <a:ext cx="8534400" cy="1113656"/>
          </a:xfrm>
        </p:spPr>
        <p:txBody>
          <a:bodyPr>
            <a:normAutofit lnSpcReduction="10000"/>
          </a:bodyPr>
          <a:lstStyle/>
          <a:p>
            <a:r>
              <a:rPr lang="ru-RU" dirty="0" smtClean="0">
                <a:latin typeface="Georgia" panose="02040502050405020303" pitchFamily="18" charset="0"/>
              </a:rPr>
              <a:t>Дятлова Галина Ивановна</a:t>
            </a:r>
          </a:p>
          <a:p>
            <a:r>
              <a:rPr lang="ru-RU" dirty="0" smtClean="0">
                <a:latin typeface="Georgia" panose="02040502050405020303" pitchFamily="18" charset="0"/>
              </a:rPr>
              <a:t>МАОУ «Лицей № 35 г. Челябинска»</a:t>
            </a:r>
            <a:endParaRPr lang="en-US" dirty="0">
              <a:latin typeface="Georgia" panose="02040502050405020303" pitchFamily="18" charset="0"/>
            </a:endParaRPr>
          </a:p>
        </p:txBody>
      </p:sp>
      <p:pic>
        <p:nvPicPr>
          <p:cNvPr id="4" name="Рисунок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02006" y="240079"/>
            <a:ext cx="1905000" cy="17065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7919" y="3522913"/>
            <a:ext cx="2271106" cy="3200401"/>
          </a:xfrm>
          <a:prstGeom prst="ellipse">
            <a:avLst/>
          </a:prstGeom>
          <a:effectLst>
            <a:glow rad="228600">
              <a:schemeClr val="accent1">
                <a:alpha val="40000"/>
              </a:schemeClr>
            </a:glow>
            <a:softEdge rad="127000"/>
          </a:effectLst>
        </p:spPr>
      </p:pic>
    </p:spTree>
    <p:extLst>
      <p:ext uri="{BB962C8B-B14F-4D97-AF65-F5344CB8AC3E}">
        <p14:creationId xmlns:p14="http://schemas.microsoft.com/office/powerpoint/2010/main" val="20337756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кругленный прямоугольник 2"/>
          <p:cNvSpPr/>
          <p:nvPr/>
        </p:nvSpPr>
        <p:spPr>
          <a:xfrm>
            <a:off x="3251684" y="0"/>
            <a:ext cx="5688632" cy="890107"/>
          </a:xfrm>
          <a:prstGeom prst="roundRect">
            <a:avLst/>
          </a:prstGeom>
          <a:solidFill>
            <a:srgbClr val="7030A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3600" b="1" dirty="0" smtClean="0">
                <a:latin typeface="Georgia" panose="02040502050405020303" pitchFamily="18" charset="0"/>
              </a:rPr>
              <a:t>Из личного опыта</a:t>
            </a:r>
            <a:endParaRPr lang="ru-RU" sz="3600" b="1" dirty="0">
              <a:latin typeface="Georgia" panose="02040502050405020303" pitchFamily="18" charset="0"/>
            </a:endParaRPr>
          </a:p>
        </p:txBody>
      </p:sp>
      <p:graphicFrame>
        <p:nvGraphicFramePr>
          <p:cNvPr id="4" name="Схема 3"/>
          <p:cNvGraphicFramePr/>
          <p:nvPr>
            <p:extLst>
              <p:ext uri="{D42A27DB-BD31-4B8C-83A1-F6EECF244321}">
                <p14:modId xmlns:p14="http://schemas.microsoft.com/office/powerpoint/2010/main" val="1293688683"/>
              </p:ext>
            </p:extLst>
          </p:nvPr>
        </p:nvGraphicFramePr>
        <p:xfrm>
          <a:off x="0" y="890108"/>
          <a:ext cx="12192000" cy="5967894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0210246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3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Graphic spid="4" grpId="0">
        <p:bldAsOne/>
      </p:bldGraphic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  <p:sp>
        <p:nvSpPr>
          <p:cNvPr id="3" name="Скругленный прямоугольник 2"/>
          <p:cNvSpPr/>
          <p:nvPr/>
        </p:nvSpPr>
        <p:spPr>
          <a:xfrm>
            <a:off x="6456040" y="0"/>
            <a:ext cx="2376264" cy="890107"/>
          </a:xfrm>
          <a:prstGeom prst="roundRect">
            <a:avLst/>
          </a:prstGeom>
          <a:solidFill>
            <a:srgbClr val="7030A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3600" b="1" dirty="0" smtClean="0">
                <a:latin typeface="Georgia" panose="02040502050405020303" pitchFamily="18" charset="0"/>
              </a:rPr>
              <a:t>ЧЭШ</a:t>
            </a:r>
            <a:endParaRPr lang="ru-RU" sz="3600" b="1" dirty="0">
              <a:latin typeface="Georgia" panose="02040502050405020303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673939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  <p:sp>
        <p:nvSpPr>
          <p:cNvPr id="3" name="Скругленный прямоугольник 2"/>
          <p:cNvSpPr/>
          <p:nvPr/>
        </p:nvSpPr>
        <p:spPr>
          <a:xfrm>
            <a:off x="6456040" y="-21424"/>
            <a:ext cx="2448272" cy="890107"/>
          </a:xfrm>
          <a:prstGeom prst="roundRect">
            <a:avLst/>
          </a:prstGeom>
          <a:solidFill>
            <a:srgbClr val="7030A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3600" b="1" dirty="0" smtClean="0">
                <a:latin typeface="Georgia" panose="02040502050405020303" pitchFamily="18" charset="0"/>
              </a:rPr>
              <a:t>ЧЭШ</a:t>
            </a:r>
            <a:endParaRPr lang="ru-RU" sz="3600" b="1" dirty="0">
              <a:latin typeface="Georgia" panose="02040502050405020303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06705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  <p:sp>
        <p:nvSpPr>
          <p:cNvPr id="3" name="Скругленный прямоугольник 2"/>
          <p:cNvSpPr/>
          <p:nvPr/>
        </p:nvSpPr>
        <p:spPr>
          <a:xfrm>
            <a:off x="6483595" y="-65119"/>
            <a:ext cx="2520280" cy="890107"/>
          </a:xfrm>
          <a:prstGeom prst="roundRect">
            <a:avLst/>
          </a:prstGeom>
          <a:solidFill>
            <a:srgbClr val="7030A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3600" b="1" dirty="0" smtClean="0">
                <a:latin typeface="Georgia" panose="02040502050405020303" pitchFamily="18" charset="0"/>
              </a:rPr>
              <a:t>ЧЭШ</a:t>
            </a:r>
            <a:endParaRPr lang="ru-RU" sz="3600" b="1" dirty="0">
              <a:latin typeface="Georgia" panose="02040502050405020303" pitchFamily="18" charset="0"/>
            </a:endParaRPr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768408" y="310624"/>
            <a:ext cx="2158171" cy="6236749"/>
          </a:xfrm>
          <a:prstGeom prst="rect">
            <a:avLst/>
          </a:prstGeom>
        </p:spPr>
      </p:pic>
      <p:sp>
        <p:nvSpPr>
          <p:cNvPr id="5" name="Облачко с текстом: прямоугольное со скругленными углами 5">
            <a:extLst>
              <a:ext uri="{FF2B5EF4-FFF2-40B4-BE49-F238E27FC236}">
                <a16:creationId xmlns:a16="http://schemas.microsoft.com/office/drawing/2014/main" xmlns="" id="{65D92594-44C0-480A-B17F-F7BBEF1A2B89}"/>
              </a:ext>
            </a:extLst>
          </p:cNvPr>
          <p:cNvSpPr/>
          <p:nvPr/>
        </p:nvSpPr>
        <p:spPr>
          <a:xfrm flipH="1">
            <a:off x="6505437" y="1196752"/>
            <a:ext cx="3528392" cy="2016224"/>
          </a:xfrm>
          <a:prstGeom prst="wedgeRoundRectCallout">
            <a:avLst>
              <a:gd name="adj1" fmla="val -74395"/>
              <a:gd name="adj2" fmla="val -55739"/>
              <a:gd name="adj3" fmla="val 16667"/>
            </a:avLst>
          </a:prstGeom>
          <a:solidFill>
            <a:srgbClr val="7030A0"/>
          </a:solidFill>
          <a:ln w="28575" cap="flat" cmpd="sng" algn="ctr">
            <a:solidFill>
              <a:srgbClr val="00B0F0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algn="ctr" defTabSz="685800"/>
            <a:r>
              <a:rPr lang="ru-RU" sz="3200" b="1" kern="0" dirty="0" smtClean="0">
                <a:solidFill>
                  <a:prstClr val="black"/>
                </a:solidFill>
                <a:latin typeface="Georgia" panose="02040502050405020303" pitchFamily="18" charset="0"/>
              </a:rPr>
              <a:t>Почему я?</a:t>
            </a:r>
          </a:p>
          <a:p>
            <a:pPr algn="ctr" defTabSz="685800"/>
            <a:r>
              <a:rPr lang="ru-RU" sz="3200" b="1" kern="0" dirty="0" smtClean="0">
                <a:solidFill>
                  <a:prstClr val="black"/>
                </a:solidFill>
                <a:latin typeface="Georgia" panose="02040502050405020303" pitchFamily="18" charset="0"/>
              </a:rPr>
              <a:t>А кто, если не я?</a:t>
            </a:r>
          </a:p>
        </p:txBody>
      </p:sp>
      <p:pic>
        <p:nvPicPr>
          <p:cNvPr id="6" name="Рисунок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61878" y="0"/>
            <a:ext cx="2182600" cy="6702805"/>
          </a:xfrm>
          <a:prstGeom prst="rect">
            <a:avLst/>
          </a:prstGeom>
        </p:spPr>
      </p:pic>
      <p:sp>
        <p:nvSpPr>
          <p:cNvPr id="7" name="Облачко с текстом: прямоугольное со скругленными углами 5">
            <a:extLst>
              <a:ext uri="{FF2B5EF4-FFF2-40B4-BE49-F238E27FC236}">
                <a16:creationId xmlns:a16="http://schemas.microsoft.com/office/drawing/2014/main" xmlns="" id="{65D92594-44C0-480A-B17F-F7BBEF1A2B89}"/>
              </a:ext>
            </a:extLst>
          </p:cNvPr>
          <p:cNvSpPr/>
          <p:nvPr/>
        </p:nvSpPr>
        <p:spPr>
          <a:xfrm>
            <a:off x="2530435" y="359155"/>
            <a:ext cx="3975002" cy="1368152"/>
          </a:xfrm>
          <a:prstGeom prst="wedgeRoundRectCallout">
            <a:avLst>
              <a:gd name="adj1" fmla="val -67153"/>
              <a:gd name="adj2" fmla="val -17561"/>
              <a:gd name="adj3" fmla="val 16667"/>
            </a:avLst>
          </a:prstGeom>
          <a:solidFill>
            <a:srgbClr val="7030A0"/>
          </a:solidFill>
          <a:ln w="28575" cap="flat" cmpd="sng" algn="ctr">
            <a:solidFill>
              <a:srgbClr val="00B0F0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algn="ctr" defTabSz="685800">
              <a:defRPr/>
            </a:pPr>
            <a:r>
              <a:rPr lang="ru-RU" sz="3200" b="1" kern="0" dirty="0" smtClean="0">
                <a:solidFill>
                  <a:prstClr val="black"/>
                </a:solidFill>
                <a:latin typeface="Georgia" panose="02040502050405020303" pitchFamily="18" charset="0"/>
              </a:rPr>
              <a:t>Сотрудничество с </a:t>
            </a:r>
            <a:r>
              <a:rPr lang="en-US" sz="3200" b="1" kern="0" dirty="0" err="1">
                <a:solidFill>
                  <a:prstClr val="black"/>
                </a:solidFill>
                <a:latin typeface="Georgia" panose="02040502050405020303" pitchFamily="18" charset="0"/>
              </a:rPr>
              <a:t>iSpring</a:t>
            </a:r>
            <a:endParaRPr lang="ru-RU" sz="3200" b="1" kern="0" dirty="0" smtClean="0">
              <a:solidFill>
                <a:prstClr val="black"/>
              </a:solidFill>
              <a:latin typeface="Georgia" panose="02040502050405020303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85102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2000"/>
                            </p:stCondLst>
                            <p:childTnLst>
                              <p:par>
                                <p:cTn id="2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2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5" grpId="0" animBg="1"/>
      <p:bldP spid="7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908785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0144061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748267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673"/>
            <a:ext cx="12192000" cy="685465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21706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:split orient="vert"/>
      </p:transition>
    </mc:Choice>
    <mc:Fallback xmlns="">
      <p:transition spd="slow">
        <p:split orient="vert"/>
      </p:transition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5Zt49xYMxwt9aZ43drt3A&quot;,&quot;gi&quot;:&quot;baLuB68bWltfw5SejOjx7w&quot;,&quot;ti&quot;:&quot;characters&quot;,&quot;vs&quot;:{&quot;f&quot;:[833,810],&quot;i&quot;:{&quot;d&quot;:&quot;75Zt49xYMxwt9aZ43drt3A&quot;,&quot;p&quot;:true}}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4xrWosuR9tmRgIA7USprAA&quot;,&quot;gi&quot;:&quot;OPY_MK8tXjWrKhaXZ9l3pQ&quot;,&quot;ti&quot;:&quot;object_sets&quot;,&quot;vs&quot;:{&quot;f&quot;:[1014],&quot;i&quot;:{&quot;d&quot;:&quot;4xrWosuR9tmRgIA7USprAA&quot;,&quot;p&quot;:true}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2TJYmuiNsGheKwkzYeOFvQ&quot;,&quot;gi&quot;:&quot;baLuB68bWltfw5SejOjx7w&quot;,&quot;ti&quot;:&quot;characters&quot;,&quot;vs&quot;:{&quot;f&quot;:[833,810],&quot;i&quot;:{&quot;d&quot;:&quot;2TJYmuiNsGheKwkzYeOFvQ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347FB8-2F17-460F-97DE-5176C99E527D}:261"/>
</p:tagLst>
</file>

<file path=ppt/theme/theme1.xml><?xml version="1.0" encoding="utf-8"?>
<a:theme xmlns:a="http://schemas.openxmlformats.org/drawingml/2006/main" name="Book-PowerPoint-Templat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Book-PowerPoint-Template</Template>
  <TotalTime>86</TotalTime>
  <Words>128</Words>
  <Application>Microsoft Office PowerPoint</Application>
  <PresentationFormat>Произвольный</PresentationFormat>
  <Paragraphs>37</Paragraphs>
  <Slides>15</Slides>
  <Notes>13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5</vt:i4>
      </vt:variant>
    </vt:vector>
  </HeadingPairs>
  <TitlesOfParts>
    <vt:vector size="16" baseType="lpstr">
      <vt:lpstr>Book-PowerPoint-Template</vt:lpstr>
      <vt:lpstr>Из опыта работы в цифровых образовательных ресурсах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Из опыта работы в цифровых образовательных ресурсах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Название презентации</dc:title>
  <dc:creator>User</dc:creator>
  <cp:lastModifiedBy>user</cp:lastModifiedBy>
  <cp:revision>11</cp:revision>
  <dcterms:created xsi:type="dcterms:W3CDTF">2014-06-09T11:46:13Z</dcterms:created>
  <dcterms:modified xsi:type="dcterms:W3CDTF">2023-03-28T10:17:21Z</dcterms:modified>
</cp:coreProperties>
</file>